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23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4207\Desktop\"/>
    </mc:Choice>
  </mc:AlternateContent>
  <xr:revisionPtr revIDLastSave="0" documentId="13_ncr:1_{5821AB43-D91A-4717-B15D-3B8F736DFB6B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開講予定" sheetId="21" r:id="rId1"/>
  </sheets>
  <definedNames>
    <definedName name="_xlnm._FilterDatabase" localSheetId="0" hidden="1">開講予定!$A$5:$M$37</definedName>
    <definedName name="_xlnm.Print_Area" localSheetId="0">開講予定!$A$1:$M$5</definedName>
    <definedName name="_xlnm.Print_Titles" localSheetId="0">開講予定!$5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3" uniqueCount="88">
  <si>
    <t>指定事業者名</t>
  </si>
  <si>
    <t>研修課程</t>
  </si>
  <si>
    <t>講義方法</t>
  </si>
  <si>
    <t>実施場所</t>
  </si>
  <si>
    <t>事業終了年月日</t>
  </si>
  <si>
    <t>定員（人）</t>
  </si>
  <si>
    <t>問合せ先電話番号</t>
    <rPh sb="0" eb="2">
      <t>トイアワ</t>
    </rPh>
    <rPh sb="3" eb="4">
      <t>サキ</t>
    </rPh>
    <rPh sb="4" eb="6">
      <t>デンワ</t>
    </rPh>
    <rPh sb="6" eb="8">
      <t>バンゴウ</t>
    </rPh>
    <phoneticPr fontId="2"/>
  </si>
  <si>
    <t>事業者所在地</t>
    <rPh sb="0" eb="3">
      <t>ジギョウシャ</t>
    </rPh>
    <rPh sb="3" eb="6">
      <t>ショザイチ</t>
    </rPh>
    <phoneticPr fontId="2"/>
  </si>
  <si>
    <t>　　　　　　　　　　　広島県知事指定介護員養成研修事業者　開講予定一覧</t>
    <rPh sb="11" eb="14">
      <t>ヒ</t>
    </rPh>
    <rPh sb="14" eb="16">
      <t>チジ</t>
    </rPh>
    <rPh sb="16" eb="18">
      <t>シテイ</t>
    </rPh>
    <rPh sb="18" eb="20">
      <t>カイゴ</t>
    </rPh>
    <rPh sb="20" eb="21">
      <t>イン</t>
    </rPh>
    <rPh sb="21" eb="23">
      <t>ヨウセイ</t>
    </rPh>
    <rPh sb="23" eb="25">
      <t>ケンシュウ</t>
    </rPh>
    <rPh sb="25" eb="28">
      <t>ジギョウシャ</t>
    </rPh>
    <rPh sb="29" eb="31">
      <t>カイコウ</t>
    </rPh>
    <rPh sb="31" eb="33">
      <t>ヨテイ</t>
    </rPh>
    <rPh sb="33" eb="35">
      <t>イチラン</t>
    </rPh>
    <phoneticPr fontId="2"/>
  </si>
  <si>
    <t>受講対象者</t>
  </si>
  <si>
    <t>実施場所市町名</t>
    <rPh sb="0" eb="2">
      <t>ジッシ</t>
    </rPh>
    <rPh sb="2" eb="4">
      <t>バショ</t>
    </rPh>
    <rPh sb="4" eb="5">
      <t>シ</t>
    </rPh>
    <rPh sb="5" eb="6">
      <t>マチ</t>
    </rPh>
    <rPh sb="6" eb="7">
      <t>メイ</t>
    </rPh>
    <phoneticPr fontId="2"/>
  </si>
  <si>
    <t>事業開始年月日</t>
    <phoneticPr fontId="2"/>
  </si>
  <si>
    <t>初任者</t>
  </si>
  <si>
    <t>通信</t>
  </si>
  <si>
    <t>一般</t>
  </si>
  <si>
    <t>福山市</t>
  </si>
  <si>
    <t>株式会社二チイ学館</t>
  </si>
  <si>
    <t>広島市中区</t>
  </si>
  <si>
    <t>三原市</t>
  </si>
  <si>
    <t>三原教室</t>
  </si>
  <si>
    <t>広島教室
（Ｃルーム・Ｄルーム）</t>
  </si>
  <si>
    <t>ホリスケアアカデミー広島大手町校</t>
  </si>
  <si>
    <t>受講料（円）</t>
    <rPh sb="4" eb="5">
      <t>エン</t>
    </rPh>
    <phoneticPr fontId="2"/>
  </si>
  <si>
    <t>広島市西区</t>
  </si>
  <si>
    <t>こうご教室</t>
  </si>
  <si>
    <t>株式会社EE21</t>
  </si>
  <si>
    <t>未来ケアカレッジ広島校</t>
  </si>
  <si>
    <t>広島市南区</t>
  </si>
  <si>
    <t>株式会社トータルウィン</t>
  </si>
  <si>
    <t>フジグラン神辺</t>
  </si>
  <si>
    <t>呉駅前教室</t>
  </si>
  <si>
    <t>呉市</t>
  </si>
  <si>
    <t>木之庄教室</t>
  </si>
  <si>
    <t>サンキ・ウエルビィ株式会社</t>
  </si>
  <si>
    <t>福山教室</t>
  </si>
  <si>
    <t>株式会社QOLサービス</t>
  </si>
  <si>
    <t>60,500（通常）49,800（キャンペーン価格※適用条件有）、49,500（生活援助従事者研修修了者）</t>
  </si>
  <si>
    <t>※各項目の▼マークをクリックされると、絞込み検索や並べ替えができます。
　オプション機能を使うと、細かい条件で検索できます。複数の項目で、条件を設定することもできます。</t>
    <rPh sb="1" eb="4">
      <t>カクコウモク</t>
    </rPh>
    <rPh sb="19" eb="21">
      <t>シボリコ</t>
    </rPh>
    <rPh sb="22" eb="24">
      <t>ケンサク</t>
    </rPh>
    <rPh sb="25" eb="26">
      <t>ナラ</t>
    </rPh>
    <rPh sb="27" eb="28">
      <t>カ</t>
    </rPh>
    <rPh sb="42" eb="44">
      <t>キノウ</t>
    </rPh>
    <rPh sb="45" eb="46">
      <t>ツカ</t>
    </rPh>
    <rPh sb="49" eb="50">
      <t>コマ</t>
    </rPh>
    <rPh sb="52" eb="54">
      <t>ジョウケン</t>
    </rPh>
    <rPh sb="55" eb="57">
      <t>ケンサク</t>
    </rPh>
    <rPh sb="62" eb="64">
      <t>フクスウ</t>
    </rPh>
    <rPh sb="65" eb="67">
      <t>コウモク</t>
    </rPh>
    <rPh sb="69" eb="71">
      <t>ジョウケン</t>
    </rPh>
    <rPh sb="72" eb="74">
      <t>セッテイ</t>
    </rPh>
    <phoneticPr fontId="2"/>
  </si>
  <si>
    <t>通学</t>
  </si>
  <si>
    <t>地域交流室・研修室2階</t>
  </si>
  <si>
    <t>株式会社Ｂ・Ｏ・Ｈ</t>
  </si>
  <si>
    <t>HAPPY CAREスクール研修室</t>
  </si>
  <si>
    <t>082-243-1709</t>
  </si>
  <si>
    <t>広島市中区大手町二丁目11-10
NHK広島放送センタービル21F
（広島支店）</t>
    <rPh sb="0" eb="3">
      <t>ヒロシマシ</t>
    </rPh>
    <rPh sb="3" eb="5">
      <t>ナカク</t>
    </rPh>
    <rPh sb="5" eb="8">
      <t>オオテマチ</t>
    </rPh>
    <rPh sb="8" eb="9">
      <t>ニ</t>
    </rPh>
    <rPh sb="9" eb="11">
      <t>チョウメ</t>
    </rPh>
    <rPh sb="20" eb="22">
      <t>ヒロシマ</t>
    </rPh>
    <rPh sb="22" eb="24">
      <t>ホウソウ</t>
    </rPh>
    <rPh sb="35" eb="37">
      <t>ヒロシマ</t>
    </rPh>
    <rPh sb="37" eb="39">
      <t>シテン</t>
    </rPh>
    <phoneticPr fontId="2"/>
  </si>
  <si>
    <t>084-926-0964</t>
  </si>
  <si>
    <t>福山市延広町1-25
明治安田生命福山駅前ビル2F
（福山支店）</t>
    <rPh sb="0" eb="3">
      <t>フクヤマシ</t>
    </rPh>
    <rPh sb="3" eb="4">
      <t>ノベ</t>
    </rPh>
    <rPh sb="4" eb="5">
      <t>ヒロ</t>
    </rPh>
    <rPh sb="5" eb="6">
      <t>マチ</t>
    </rPh>
    <rPh sb="11" eb="13">
      <t>メイジ</t>
    </rPh>
    <rPh sb="13" eb="15">
      <t>ヤスダ</t>
    </rPh>
    <rPh sb="15" eb="17">
      <t>セイメイ</t>
    </rPh>
    <rPh sb="17" eb="19">
      <t>フクヤマ</t>
    </rPh>
    <rPh sb="19" eb="21">
      <t>エキマエ</t>
    </rPh>
    <rPh sb="27" eb="29">
      <t>フクヤマ</t>
    </rPh>
    <rPh sb="29" eb="31">
      <t>シテン</t>
    </rPh>
    <phoneticPr fontId="2"/>
  </si>
  <si>
    <t>082-270-2266</t>
    <phoneticPr fontId="2"/>
  </si>
  <si>
    <t>広島市西区商工センター6-1-11</t>
    <rPh sb="0" eb="3">
      <t>ヒロシマシ</t>
    </rPh>
    <rPh sb="3" eb="5">
      <t>ニシク</t>
    </rPh>
    <rPh sb="5" eb="7">
      <t>ショウコウ</t>
    </rPh>
    <phoneticPr fontId="2"/>
  </si>
  <si>
    <t>0120-16-8351</t>
  </si>
  <si>
    <t>広島市南区稲荷町4-5尾崎ビル6階</t>
  </si>
  <si>
    <t>082-545-2402</t>
  </si>
  <si>
    <t>広島市中区大手町三丁目1-7-302号</t>
    <rPh sb="0" eb="3">
      <t>ヒロシマシ</t>
    </rPh>
    <rPh sb="3" eb="5">
      <t>ナカク</t>
    </rPh>
    <rPh sb="5" eb="8">
      <t>オオテマチ</t>
    </rPh>
    <rPh sb="8" eb="9">
      <t>サン</t>
    </rPh>
    <rPh sb="9" eb="11">
      <t>チョウメ</t>
    </rPh>
    <rPh sb="18" eb="19">
      <t>ゴウ</t>
    </rPh>
    <phoneticPr fontId="2"/>
  </si>
  <si>
    <t>084-965-6500</t>
  </si>
  <si>
    <t>福山市神辺町新道上字二丁目10番26号フジグラン神辺
（介護・看護・障がい・保育求人支援センター福山）</t>
  </si>
  <si>
    <t>084-971-7252</t>
    <phoneticPr fontId="2"/>
  </si>
  <si>
    <t>福山市春日町浦上1205</t>
    <rPh sb="0" eb="3">
      <t>フクヤマシ</t>
    </rPh>
    <rPh sb="3" eb="6">
      <t>カスガチョウ</t>
    </rPh>
    <rPh sb="6" eb="8">
      <t>ウラガミ</t>
    </rPh>
    <phoneticPr fontId="2"/>
  </si>
  <si>
    <t>082-259-3801</t>
  </si>
  <si>
    <t>広島市南区東雲3丁目7-12-204号</t>
    <rPh sb="0" eb="3">
      <t>ヒロシマシ</t>
    </rPh>
    <rPh sb="3" eb="5">
      <t>ミナミク</t>
    </rPh>
    <rPh sb="5" eb="7">
      <t>シノノメ</t>
    </rPh>
    <rPh sb="8" eb="10">
      <t>チョウメ</t>
    </rPh>
    <rPh sb="18" eb="19">
      <t>ゴウ</t>
    </rPh>
    <phoneticPr fontId="2"/>
  </si>
  <si>
    <t xml:space="preserve">
サンキ・ウエルビィ株式会社2階大会議室</t>
  </si>
  <si>
    <t>社会福祉法人呉市社会福祉協議会</t>
  </si>
  <si>
    <t>呉市福祉会館会議室2</t>
  </si>
  <si>
    <t>株式会社つなぐ</t>
  </si>
  <si>
    <t>つなぐ訪問介護事業所</t>
  </si>
  <si>
    <t>合同会社SHERPA</t>
  </si>
  <si>
    <t>介護の学校まる</t>
  </si>
  <si>
    <t>東広島市</t>
  </si>
  <si>
    <t>株式会社クォーレ</t>
  </si>
  <si>
    <t>株式会社クォーレ
五日市研修センター</t>
  </si>
  <si>
    <t>広島市佐伯区</t>
  </si>
  <si>
    <t>株式会社Ｔｏｍｏｒｒｏｗ</t>
  </si>
  <si>
    <t>あいのぞみデイサービスセンター</t>
  </si>
  <si>
    <t>限定
（求職者支援訓練）</t>
    <phoneticPr fontId="2"/>
  </si>
  <si>
    <t>受講料無料、
テキスト代5,500</t>
    <phoneticPr fontId="2"/>
  </si>
  <si>
    <t>一般
（訪問介護員2級課程修了以上、看護師、准看護師、介護福祉士等の資格取得者・各種学校に在学中の者を除く）</t>
    <phoneticPr fontId="2"/>
  </si>
  <si>
    <t>特定非営利活動法人Social Care Good</t>
    <phoneticPr fontId="2"/>
  </si>
  <si>
    <t>082-427-2580</t>
    <phoneticPr fontId="2"/>
  </si>
  <si>
    <t>東広島市八本松東3丁目17-27</t>
    <rPh sb="0" eb="4">
      <t>ヒガシヒロシマシ</t>
    </rPh>
    <rPh sb="4" eb="8">
      <t>ハチホンマツヒガシ</t>
    </rPh>
    <rPh sb="9" eb="11">
      <t>チョウメ</t>
    </rPh>
    <phoneticPr fontId="2"/>
  </si>
  <si>
    <t>0829-20-5553</t>
    <phoneticPr fontId="2"/>
  </si>
  <si>
    <t>廿日市市佐方3丁目11-55</t>
    <rPh sb="0" eb="4">
      <t>ハツカイチシ</t>
    </rPh>
    <rPh sb="4" eb="6">
      <t>サガタ</t>
    </rPh>
    <rPh sb="7" eb="9">
      <t>チョウメ</t>
    </rPh>
    <phoneticPr fontId="2"/>
  </si>
  <si>
    <t>082-299-7277</t>
    <phoneticPr fontId="2"/>
  </si>
  <si>
    <t>広島市西区楠木町1丁目13-6</t>
    <rPh sb="3" eb="5">
      <t>ニシク</t>
    </rPh>
    <rPh sb="5" eb="6">
      <t>クスノキ</t>
    </rPh>
    <rPh sb="6" eb="7">
      <t>キ</t>
    </rPh>
    <rPh sb="7" eb="8">
      <t>マチ</t>
    </rPh>
    <rPh sb="9" eb="11">
      <t>チョウメ</t>
    </rPh>
    <phoneticPr fontId="2"/>
  </si>
  <si>
    <t>0823-21-5013</t>
    <phoneticPr fontId="2"/>
  </si>
  <si>
    <t>呉市中央5丁目12-21</t>
    <rPh sb="0" eb="2">
      <t>クレシ</t>
    </rPh>
    <rPh sb="2" eb="4">
      <t>チュウオウ</t>
    </rPh>
    <rPh sb="5" eb="7">
      <t>チョウメ</t>
    </rPh>
    <phoneticPr fontId="2"/>
  </si>
  <si>
    <t>２０２６年３月２日現在</t>
    <rPh sb="4" eb="5">
      <t>ネン</t>
    </rPh>
    <rPh sb="6" eb="7">
      <t>ゲツ</t>
    </rPh>
    <rPh sb="8" eb="9">
      <t>ニチ</t>
    </rPh>
    <rPh sb="9" eb="11">
      <t>ゲンザイ</t>
    </rPh>
    <phoneticPr fontId="2"/>
  </si>
  <si>
    <t>082-943-9090</t>
  </si>
  <si>
    <t>広島市佐伯区観音台2丁目30番6号</t>
  </si>
  <si>
    <t>サンキ・ウエルビィ小規模多機能センター今保会議室</t>
  </si>
  <si>
    <t>岡山市北区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411]ge\.m\.d;@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indexed="10"/>
      <name val="ＭＳ Ｐゴシック"/>
      <family val="3"/>
      <charset val="128"/>
    </font>
    <font>
      <sz val="12"/>
      <color indexed="8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4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5">
    <xf numFmtId="0" fontId="0" fillId="0" borderId="0" xfId="0"/>
    <xf numFmtId="38" fontId="3" fillId="0" borderId="0" xfId="1" applyFont="1" applyAlignment="1">
      <alignment vertical="center"/>
    </xf>
    <xf numFmtId="38" fontId="3" fillId="0" borderId="0" xfId="1" applyFont="1" applyAlignment="1">
      <alignment horizontal="center" vertical="center"/>
    </xf>
    <xf numFmtId="38" fontId="3" fillId="0" borderId="0" xfId="1" applyFont="1" applyAlignment="1"/>
    <xf numFmtId="38" fontId="1" fillId="0" borderId="0" xfId="1" applyFont="1" applyAlignment="1">
      <alignment horizontal="center" vertical="center"/>
    </xf>
    <xf numFmtId="38" fontId="3" fillId="0" borderId="0" xfId="1" applyFont="1" applyAlignment="1">
      <alignment horizontal="center" vertical="center" shrinkToFit="1"/>
    </xf>
    <xf numFmtId="0" fontId="3" fillId="0" borderId="0" xfId="1" applyNumberFormat="1" applyFont="1" applyAlignment="1">
      <alignment horizontal="center" vertical="center" shrinkToFit="1"/>
    </xf>
    <xf numFmtId="38" fontId="4" fillId="0" borderId="0" xfId="1" applyFont="1" applyAlignment="1"/>
    <xf numFmtId="38" fontId="3" fillId="0" borderId="0" xfId="1" applyFont="1" applyAlignment="1">
      <alignment vertical="center" shrinkToFit="1"/>
    </xf>
    <xf numFmtId="38" fontId="5" fillId="0" borderId="0" xfId="1" applyFont="1" applyAlignment="1">
      <alignment horizontal="center"/>
    </xf>
    <xf numFmtId="38" fontId="5" fillId="0" borderId="0" xfId="1" applyFont="1" applyAlignment="1">
      <alignment horizontal="center" vertical="center"/>
    </xf>
    <xf numFmtId="38" fontId="5" fillId="0" borderId="0" xfId="1" applyFont="1" applyAlignment="1"/>
    <xf numFmtId="0" fontId="6" fillId="0" borderId="0" xfId="1" applyNumberFormat="1" applyFont="1" applyAlignment="1">
      <alignment horizontal="center" vertical="center" shrinkToFit="1"/>
    </xf>
    <xf numFmtId="38" fontId="6" fillId="0" borderId="0" xfId="1" applyFont="1" applyAlignment="1">
      <alignment horizontal="center" vertical="center" shrinkToFit="1"/>
    </xf>
    <xf numFmtId="38" fontId="6" fillId="0" borderId="0" xfId="1" applyFont="1" applyAlignment="1">
      <alignment horizontal="center" vertical="center"/>
    </xf>
    <xf numFmtId="38" fontId="5" fillId="0" borderId="0" xfId="1" applyFont="1" applyAlignment="1">
      <alignment vertical="center"/>
    </xf>
    <xf numFmtId="38" fontId="5" fillId="0" borderId="0" xfId="1" applyFont="1" applyAlignment="1">
      <alignment vertical="center" shrinkToFit="1"/>
    </xf>
    <xf numFmtId="31" fontId="5" fillId="0" borderId="0" xfId="1" applyNumberFormat="1" applyFont="1" applyAlignment="1">
      <alignment horizontal="right" vertical="center" shrinkToFit="1"/>
    </xf>
    <xf numFmtId="0" fontId="5" fillId="2" borderId="1" xfId="1" applyNumberFormat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vertical="center" shrinkToFit="1"/>
    </xf>
    <xf numFmtId="38" fontId="5" fillId="2" borderId="2" xfId="1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176" fontId="8" fillId="0" borderId="1" xfId="0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57" fontId="8" fillId="0" borderId="1" xfId="1" applyNumberFormat="1" applyFont="1" applyFill="1" applyBorder="1" applyAlignment="1">
      <alignment horizontal="center" vertical="center"/>
    </xf>
    <xf numFmtId="177" fontId="8" fillId="0" borderId="1" xfId="0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 shrinkToFit="1"/>
    </xf>
    <xf numFmtId="38" fontId="8" fillId="0" borderId="1" xfId="1" applyFont="1" applyFill="1" applyBorder="1" applyAlignment="1">
      <alignment horizontal="center" vertical="center" wrapText="1" shrinkToFit="1"/>
    </xf>
    <xf numFmtId="0" fontId="4" fillId="0" borderId="1" xfId="0" applyFont="1" applyBorder="1" applyAlignment="1">
      <alignment horizontal="center" vertical="center" wrapText="1" shrinkToFit="1"/>
    </xf>
    <xf numFmtId="38" fontId="8" fillId="0" borderId="1" xfId="1" applyFont="1" applyFill="1" applyBorder="1" applyAlignment="1">
      <alignment horizontal="center" vertical="center" shrinkToFit="1"/>
    </xf>
    <xf numFmtId="38" fontId="4" fillId="0" borderId="1" xfId="1" applyFont="1" applyBorder="1" applyAlignment="1">
      <alignment horizontal="center" vertical="center" wrapText="1" shrinkToFit="1"/>
    </xf>
    <xf numFmtId="0" fontId="8" fillId="0" borderId="1" xfId="1" applyNumberFormat="1" applyFont="1" applyFill="1" applyBorder="1" applyAlignment="1">
      <alignment horizontal="center" vertical="center"/>
    </xf>
    <xf numFmtId="38" fontId="4" fillId="0" borderId="1" xfId="1" applyFont="1" applyFill="1" applyBorder="1" applyAlignment="1">
      <alignment horizontal="center" vertical="center" shrinkToFit="1"/>
    </xf>
    <xf numFmtId="38" fontId="4" fillId="0" borderId="1" xfId="1" applyFont="1" applyFill="1" applyBorder="1" applyAlignment="1">
      <alignment horizontal="center" vertical="center" wrapText="1" shrinkToFit="1"/>
    </xf>
    <xf numFmtId="57" fontId="4" fillId="0" borderId="1" xfId="1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0" fontId="4" fillId="0" borderId="1" xfId="1" applyNumberFormat="1" applyFont="1" applyBorder="1" applyAlignment="1">
      <alignment horizontal="center" vertical="center" shrinkToFit="1"/>
    </xf>
    <xf numFmtId="0" fontId="4" fillId="0" borderId="1" xfId="1" applyNumberFormat="1" applyFont="1" applyBorder="1" applyAlignment="1">
      <alignment horizontal="center" vertical="center" wrapText="1" shrinkToFit="1"/>
    </xf>
    <xf numFmtId="38" fontId="6" fillId="0" borderId="0" xfId="1" applyFont="1" applyAlignment="1">
      <alignment horizontal="center"/>
    </xf>
    <xf numFmtId="38" fontId="7" fillId="0" borderId="0" xfId="1" applyFont="1" applyAlignment="1">
      <alignment horizontal="center" vertical="center" wrapText="1" shrinkToFit="1"/>
    </xf>
    <xf numFmtId="38" fontId="5" fillId="0" borderId="0" xfId="1" applyFont="1" applyAlignment="1">
      <alignment horizontal="center" vertical="center"/>
    </xf>
    <xf numFmtId="38" fontId="5" fillId="0" borderId="0" xfId="1" applyFont="1" applyAlignment="1">
      <alignment horizontal="left" vertical="center"/>
    </xf>
    <xf numFmtId="38" fontId="5" fillId="0" borderId="3" xfId="1" applyFont="1" applyBorder="1" applyAlignment="1">
      <alignment horizontal="center" vertical="center"/>
    </xf>
    <xf numFmtId="38" fontId="5" fillId="0" borderId="3" xfId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37"/>
  <sheetViews>
    <sheetView tabSelected="1" topLeftCell="A4" zoomScale="85" zoomScaleNormal="85" workbookViewId="0">
      <selection activeCell="H9" sqref="H9"/>
    </sheetView>
  </sheetViews>
  <sheetFormatPr defaultColWidth="9" defaultRowHeight="14.25" x14ac:dyDescent="0.15"/>
  <cols>
    <col min="1" max="1" width="6.375" style="7" customWidth="1"/>
    <col min="2" max="2" width="28.5" style="6" customWidth="1"/>
    <col min="3" max="3" width="33.375" style="5" customWidth="1"/>
    <col min="4" max="4" width="20" style="2" customWidth="1"/>
    <col min="5" max="5" width="12.375" style="2" customWidth="1"/>
    <col min="6" max="6" width="11" style="2" customWidth="1"/>
    <col min="7" max="7" width="10.375" style="4" customWidth="1"/>
    <col min="8" max="8" width="10.125" style="4" customWidth="1"/>
    <col min="9" max="9" width="8.125" style="2" customWidth="1"/>
    <col min="10" max="10" width="29.125" style="2" customWidth="1"/>
    <col min="11" max="11" width="25.875" style="2" customWidth="1"/>
    <col min="12" max="12" width="16.875" style="1" customWidth="1"/>
    <col min="13" max="13" width="33.75" style="8" customWidth="1"/>
    <col min="14" max="16384" width="9" style="3"/>
  </cols>
  <sheetData>
    <row r="1" spans="1:13" ht="34.5" customHeight="1" x14ac:dyDescent="0.2">
      <c r="A1" s="9"/>
      <c r="B1" s="39" t="s">
        <v>8</v>
      </c>
      <c r="C1" s="39"/>
      <c r="D1" s="39"/>
      <c r="E1" s="39"/>
      <c r="F1" s="39"/>
      <c r="G1" s="39"/>
      <c r="H1" s="39"/>
      <c r="I1" s="39"/>
      <c r="J1" s="39"/>
      <c r="K1" s="39"/>
      <c r="L1" s="41"/>
      <c r="M1" s="42"/>
    </row>
    <row r="2" spans="1:13" ht="17.25" x14ac:dyDescent="0.2">
      <c r="A2" s="11"/>
      <c r="B2" s="12"/>
      <c r="C2" s="13"/>
      <c r="D2" s="14"/>
      <c r="E2" s="14"/>
      <c r="F2" s="14"/>
      <c r="G2" s="10"/>
      <c r="H2" s="10"/>
      <c r="I2" s="10"/>
      <c r="J2" s="10"/>
      <c r="K2" s="10"/>
      <c r="L2" s="15"/>
      <c r="M2" s="16"/>
    </row>
    <row r="3" spans="1:13" s="1" customFormat="1" ht="48" customHeight="1" x14ac:dyDescent="0.15">
      <c r="A3" s="15"/>
      <c r="B3" s="40" t="s">
        <v>37</v>
      </c>
      <c r="C3" s="40"/>
      <c r="D3" s="40"/>
      <c r="E3" s="40"/>
      <c r="F3" s="40"/>
      <c r="G3" s="40"/>
      <c r="H3" s="40"/>
      <c r="I3" s="40"/>
      <c r="J3" s="40"/>
      <c r="K3" s="40"/>
      <c r="L3" s="40"/>
      <c r="M3" s="40"/>
    </row>
    <row r="4" spans="1:13" ht="17.25" x14ac:dyDescent="0.2">
      <c r="A4" s="11"/>
      <c r="B4" s="44"/>
      <c r="C4" s="44"/>
      <c r="D4" s="44"/>
      <c r="E4" s="10"/>
      <c r="F4" s="10"/>
      <c r="G4" s="10"/>
      <c r="H4" s="10"/>
      <c r="I4" s="10"/>
      <c r="J4" s="10"/>
      <c r="K4" s="43"/>
      <c r="L4" s="43"/>
      <c r="M4" s="17" t="s">
        <v>83</v>
      </c>
    </row>
    <row r="5" spans="1:13" ht="16.5" customHeight="1" x14ac:dyDescent="0.2">
      <c r="A5" s="11"/>
      <c r="B5" s="18" t="s">
        <v>0</v>
      </c>
      <c r="C5" s="19" t="s">
        <v>3</v>
      </c>
      <c r="D5" s="19" t="s">
        <v>10</v>
      </c>
      <c r="E5" s="19" t="s">
        <v>1</v>
      </c>
      <c r="F5" s="19" t="s">
        <v>2</v>
      </c>
      <c r="G5" s="19" t="s">
        <v>11</v>
      </c>
      <c r="H5" s="19" t="s">
        <v>4</v>
      </c>
      <c r="I5" s="19" t="s">
        <v>5</v>
      </c>
      <c r="J5" s="19" t="s">
        <v>9</v>
      </c>
      <c r="K5" s="19" t="s">
        <v>22</v>
      </c>
      <c r="L5" s="20" t="s">
        <v>6</v>
      </c>
      <c r="M5" s="21" t="s">
        <v>7</v>
      </c>
    </row>
    <row r="6" spans="1:13" ht="96" customHeight="1" x14ac:dyDescent="0.15">
      <c r="A6" s="7">
        <v>1</v>
      </c>
      <c r="B6" s="22" t="s">
        <v>40</v>
      </c>
      <c r="C6" s="22" t="s">
        <v>41</v>
      </c>
      <c r="D6" s="22" t="s">
        <v>27</v>
      </c>
      <c r="E6" s="23" t="s">
        <v>12</v>
      </c>
      <c r="F6" s="24" t="s">
        <v>38</v>
      </c>
      <c r="G6" s="25">
        <v>46134</v>
      </c>
      <c r="H6" s="26">
        <v>46224</v>
      </c>
      <c r="I6" s="32">
        <v>15</v>
      </c>
      <c r="J6" s="31" t="s">
        <v>71</v>
      </c>
      <c r="K6" s="28" t="s">
        <v>72</v>
      </c>
      <c r="L6" s="33" t="s">
        <v>56</v>
      </c>
      <c r="M6" s="33" t="s">
        <v>57</v>
      </c>
    </row>
    <row r="7" spans="1:13" ht="90.75" customHeight="1" x14ac:dyDescent="0.15">
      <c r="A7" s="7">
        <v>2</v>
      </c>
      <c r="B7" s="37" t="s">
        <v>69</v>
      </c>
      <c r="C7" s="27" t="s">
        <v>70</v>
      </c>
      <c r="D7" s="36" t="s">
        <v>68</v>
      </c>
      <c r="E7" s="36" t="s">
        <v>12</v>
      </c>
      <c r="F7" s="36" t="s">
        <v>13</v>
      </c>
      <c r="G7" s="35">
        <v>46101</v>
      </c>
      <c r="H7" s="35">
        <v>46142</v>
      </c>
      <c r="I7" s="36">
        <v>15</v>
      </c>
      <c r="J7" s="36" t="s">
        <v>14</v>
      </c>
      <c r="K7" s="36">
        <v>54950</v>
      </c>
      <c r="L7" s="36" t="s">
        <v>77</v>
      </c>
      <c r="M7" s="27" t="s">
        <v>78</v>
      </c>
    </row>
    <row r="8" spans="1:13" ht="84.75" customHeight="1" x14ac:dyDescent="0.15">
      <c r="A8" s="7">
        <v>3</v>
      </c>
      <c r="B8" s="38" t="s">
        <v>74</v>
      </c>
      <c r="C8" s="27" t="s">
        <v>21</v>
      </c>
      <c r="D8" s="36" t="s">
        <v>17</v>
      </c>
      <c r="E8" s="36" t="s">
        <v>12</v>
      </c>
      <c r="F8" s="36" t="s">
        <v>13</v>
      </c>
      <c r="G8" s="35">
        <v>46103</v>
      </c>
      <c r="H8" s="35">
        <v>46201</v>
      </c>
      <c r="I8" s="36">
        <v>20</v>
      </c>
      <c r="J8" s="36" t="s">
        <v>14</v>
      </c>
      <c r="K8" s="36">
        <v>59400</v>
      </c>
      <c r="L8" s="33" t="s">
        <v>50</v>
      </c>
      <c r="M8" s="34" t="s">
        <v>51</v>
      </c>
    </row>
    <row r="9" spans="1:13" ht="87.75" customHeight="1" x14ac:dyDescent="0.15">
      <c r="A9" s="7">
        <v>4</v>
      </c>
      <c r="B9" s="29" t="s">
        <v>16</v>
      </c>
      <c r="C9" s="27" t="s">
        <v>20</v>
      </c>
      <c r="D9" s="36" t="s">
        <v>17</v>
      </c>
      <c r="E9" s="36" t="s">
        <v>12</v>
      </c>
      <c r="F9" s="36" t="s">
        <v>13</v>
      </c>
      <c r="G9" s="35">
        <v>46104</v>
      </c>
      <c r="H9" s="35">
        <v>46216</v>
      </c>
      <c r="I9" s="36">
        <v>20</v>
      </c>
      <c r="J9" s="36" t="s">
        <v>14</v>
      </c>
      <c r="K9" s="36">
        <v>88000</v>
      </c>
      <c r="L9" s="33" t="s">
        <v>42</v>
      </c>
      <c r="M9" s="34" t="s">
        <v>43</v>
      </c>
    </row>
    <row r="10" spans="1:13" ht="92.25" customHeight="1" x14ac:dyDescent="0.15">
      <c r="A10" s="7">
        <v>5</v>
      </c>
      <c r="B10" s="22" t="s">
        <v>16</v>
      </c>
      <c r="C10" s="22" t="s">
        <v>32</v>
      </c>
      <c r="D10" s="22" t="s">
        <v>15</v>
      </c>
      <c r="E10" s="23" t="s">
        <v>12</v>
      </c>
      <c r="F10" s="24" t="s">
        <v>13</v>
      </c>
      <c r="G10" s="25">
        <v>46105</v>
      </c>
      <c r="H10" s="26">
        <v>46162</v>
      </c>
      <c r="I10" s="32">
        <v>10</v>
      </c>
      <c r="J10" s="27" t="s">
        <v>14</v>
      </c>
      <c r="K10" s="30">
        <v>88000</v>
      </c>
      <c r="L10" s="33" t="s">
        <v>44</v>
      </c>
      <c r="M10" s="34" t="s">
        <v>45</v>
      </c>
    </row>
    <row r="11" spans="1:13" ht="107.25" customHeight="1" x14ac:dyDescent="0.15">
      <c r="A11" s="7">
        <v>6</v>
      </c>
      <c r="B11" s="22" t="s">
        <v>16</v>
      </c>
      <c r="C11" s="22" t="s">
        <v>30</v>
      </c>
      <c r="D11" s="22" t="s">
        <v>31</v>
      </c>
      <c r="E11" s="23" t="s">
        <v>12</v>
      </c>
      <c r="F11" s="24" t="s">
        <v>13</v>
      </c>
      <c r="G11" s="25">
        <v>46106</v>
      </c>
      <c r="H11" s="26">
        <v>46225</v>
      </c>
      <c r="I11" s="32">
        <v>20</v>
      </c>
      <c r="J11" s="27" t="s">
        <v>14</v>
      </c>
      <c r="K11" s="28">
        <v>88000</v>
      </c>
      <c r="L11" s="33" t="s">
        <v>42</v>
      </c>
      <c r="M11" s="34" t="s">
        <v>43</v>
      </c>
    </row>
    <row r="12" spans="1:13" ht="102.75" customHeight="1" x14ac:dyDescent="0.15">
      <c r="A12" s="7">
        <v>7</v>
      </c>
      <c r="B12" s="37" t="s">
        <v>16</v>
      </c>
      <c r="C12" s="27" t="s">
        <v>24</v>
      </c>
      <c r="D12" s="36" t="s">
        <v>23</v>
      </c>
      <c r="E12" s="36" t="s">
        <v>12</v>
      </c>
      <c r="F12" s="36" t="s">
        <v>13</v>
      </c>
      <c r="G12" s="35">
        <v>46107</v>
      </c>
      <c r="H12" s="35">
        <v>46212</v>
      </c>
      <c r="I12" s="36">
        <v>15</v>
      </c>
      <c r="J12" s="36" t="s">
        <v>14</v>
      </c>
      <c r="K12" s="36">
        <v>88000</v>
      </c>
      <c r="L12" s="33" t="s">
        <v>42</v>
      </c>
      <c r="M12" s="34" t="s">
        <v>43</v>
      </c>
    </row>
    <row r="13" spans="1:13" ht="89.25" customHeight="1" x14ac:dyDescent="0.15">
      <c r="A13" s="7">
        <v>8</v>
      </c>
      <c r="B13" s="37" t="s">
        <v>25</v>
      </c>
      <c r="C13" s="27" t="s">
        <v>26</v>
      </c>
      <c r="D13" s="36" t="s">
        <v>27</v>
      </c>
      <c r="E13" s="36" t="s">
        <v>12</v>
      </c>
      <c r="F13" s="36" t="s">
        <v>13</v>
      </c>
      <c r="G13" s="35">
        <v>46109</v>
      </c>
      <c r="H13" s="35">
        <v>46214</v>
      </c>
      <c r="I13" s="36">
        <v>20</v>
      </c>
      <c r="J13" s="36" t="s">
        <v>14</v>
      </c>
      <c r="K13" s="36">
        <v>29700</v>
      </c>
      <c r="L13" s="33" t="s">
        <v>48</v>
      </c>
      <c r="M13" s="34" t="s">
        <v>49</v>
      </c>
    </row>
    <row r="14" spans="1:13" ht="99.75" customHeight="1" x14ac:dyDescent="0.15">
      <c r="A14" s="7">
        <v>9</v>
      </c>
      <c r="B14" s="22" t="s">
        <v>16</v>
      </c>
      <c r="C14" s="29" t="s">
        <v>34</v>
      </c>
      <c r="D14" s="22" t="s">
        <v>15</v>
      </c>
      <c r="E14" s="23" t="s">
        <v>12</v>
      </c>
      <c r="F14" s="24" t="s">
        <v>13</v>
      </c>
      <c r="G14" s="25">
        <v>46112</v>
      </c>
      <c r="H14" s="26">
        <v>46217</v>
      </c>
      <c r="I14" s="32">
        <v>15</v>
      </c>
      <c r="J14" s="27" t="s">
        <v>14</v>
      </c>
      <c r="K14" s="30">
        <v>88000</v>
      </c>
      <c r="L14" s="33" t="s">
        <v>44</v>
      </c>
      <c r="M14" s="34" t="s">
        <v>45</v>
      </c>
    </row>
    <row r="15" spans="1:13" ht="94.5" customHeight="1" x14ac:dyDescent="0.15">
      <c r="A15" s="7">
        <v>10</v>
      </c>
      <c r="B15" s="37" t="s">
        <v>16</v>
      </c>
      <c r="C15" s="27" t="s">
        <v>20</v>
      </c>
      <c r="D15" s="36" t="s">
        <v>17</v>
      </c>
      <c r="E15" s="36" t="s">
        <v>12</v>
      </c>
      <c r="F15" s="36" t="s">
        <v>13</v>
      </c>
      <c r="G15" s="35">
        <v>46112</v>
      </c>
      <c r="H15" s="35">
        <v>46171</v>
      </c>
      <c r="I15" s="36">
        <v>20</v>
      </c>
      <c r="J15" s="36" t="s">
        <v>14</v>
      </c>
      <c r="K15" s="36">
        <v>88000</v>
      </c>
      <c r="L15" s="33" t="s">
        <v>42</v>
      </c>
      <c r="M15" s="34" t="s">
        <v>43</v>
      </c>
    </row>
    <row r="16" spans="1:13" ht="97.5" customHeight="1" x14ac:dyDescent="0.15">
      <c r="A16" s="7">
        <v>11</v>
      </c>
      <c r="B16" s="22" t="s">
        <v>28</v>
      </c>
      <c r="C16" s="29" t="s">
        <v>29</v>
      </c>
      <c r="D16" s="22" t="s">
        <v>15</v>
      </c>
      <c r="E16" s="23" t="s">
        <v>12</v>
      </c>
      <c r="F16" s="24" t="s">
        <v>13</v>
      </c>
      <c r="G16" s="25">
        <v>46114</v>
      </c>
      <c r="H16" s="26">
        <v>46226</v>
      </c>
      <c r="I16" s="32">
        <v>20</v>
      </c>
      <c r="J16" s="27" t="s">
        <v>14</v>
      </c>
      <c r="K16" s="30">
        <v>34800</v>
      </c>
      <c r="L16" s="33" t="s">
        <v>52</v>
      </c>
      <c r="M16" s="34" t="s">
        <v>53</v>
      </c>
    </row>
    <row r="17" spans="1:13" ht="81.75" customHeight="1" x14ac:dyDescent="0.15">
      <c r="A17" s="7">
        <v>12</v>
      </c>
      <c r="B17" s="22" t="s">
        <v>61</v>
      </c>
      <c r="C17" s="22" t="s">
        <v>62</v>
      </c>
      <c r="D17" s="22" t="s">
        <v>23</v>
      </c>
      <c r="E17" s="23" t="s">
        <v>12</v>
      </c>
      <c r="F17" s="24" t="s">
        <v>13</v>
      </c>
      <c r="G17" s="25">
        <v>46117</v>
      </c>
      <c r="H17" s="26">
        <v>46215</v>
      </c>
      <c r="I17" s="32">
        <v>20</v>
      </c>
      <c r="J17" s="27" t="s">
        <v>14</v>
      </c>
      <c r="K17" s="30">
        <v>40000</v>
      </c>
      <c r="L17" s="33" t="s">
        <v>79</v>
      </c>
      <c r="M17" s="34" t="s">
        <v>80</v>
      </c>
    </row>
    <row r="18" spans="1:13" ht="80.25" customHeight="1" x14ac:dyDescent="0.15">
      <c r="A18" s="7">
        <v>13</v>
      </c>
      <c r="B18" s="22" t="s">
        <v>33</v>
      </c>
      <c r="C18" s="29" t="s">
        <v>58</v>
      </c>
      <c r="D18" s="22" t="s">
        <v>23</v>
      </c>
      <c r="E18" s="23" t="s">
        <v>12</v>
      </c>
      <c r="F18" s="24" t="s">
        <v>13</v>
      </c>
      <c r="G18" s="25">
        <v>46118</v>
      </c>
      <c r="H18" s="26">
        <v>46150</v>
      </c>
      <c r="I18" s="32">
        <v>10</v>
      </c>
      <c r="J18" s="27" t="s">
        <v>14</v>
      </c>
      <c r="K18" s="30">
        <v>44000</v>
      </c>
      <c r="L18" s="33" t="s">
        <v>46</v>
      </c>
      <c r="M18" s="34" t="s">
        <v>47</v>
      </c>
    </row>
    <row r="19" spans="1:13" ht="93" customHeight="1" x14ac:dyDescent="0.15">
      <c r="A19" s="7">
        <v>14</v>
      </c>
      <c r="B19" s="22" t="s">
        <v>25</v>
      </c>
      <c r="C19" s="29" t="s">
        <v>26</v>
      </c>
      <c r="D19" s="22" t="s">
        <v>27</v>
      </c>
      <c r="E19" s="23" t="s">
        <v>12</v>
      </c>
      <c r="F19" s="24" t="s">
        <v>13</v>
      </c>
      <c r="G19" s="25">
        <v>46119</v>
      </c>
      <c r="H19" s="26">
        <v>46170</v>
      </c>
      <c r="I19" s="32">
        <v>20</v>
      </c>
      <c r="J19" s="27" t="s">
        <v>14</v>
      </c>
      <c r="K19" s="30">
        <v>29700</v>
      </c>
      <c r="L19" s="33" t="s">
        <v>48</v>
      </c>
      <c r="M19" s="34" t="s">
        <v>49</v>
      </c>
    </row>
    <row r="20" spans="1:13" ht="79.5" customHeight="1" x14ac:dyDescent="0.15">
      <c r="A20" s="7">
        <v>15</v>
      </c>
      <c r="B20" s="22" t="s">
        <v>66</v>
      </c>
      <c r="C20" s="22" t="s">
        <v>67</v>
      </c>
      <c r="D20" s="22" t="s">
        <v>68</v>
      </c>
      <c r="E20" s="23" t="s">
        <v>12</v>
      </c>
      <c r="F20" s="24" t="s">
        <v>13</v>
      </c>
      <c r="G20" s="25">
        <v>46119</v>
      </c>
      <c r="H20" s="26">
        <v>46183</v>
      </c>
      <c r="I20" s="32">
        <v>20</v>
      </c>
      <c r="J20" s="31" t="s">
        <v>14</v>
      </c>
      <c r="K20" s="28">
        <v>72600</v>
      </c>
      <c r="L20" s="33" t="s">
        <v>84</v>
      </c>
      <c r="M20" s="33" t="s">
        <v>85</v>
      </c>
    </row>
    <row r="21" spans="1:13" ht="86.25" customHeight="1" x14ac:dyDescent="0.15">
      <c r="A21" s="7">
        <v>16</v>
      </c>
      <c r="B21" s="22" t="s">
        <v>35</v>
      </c>
      <c r="C21" s="22" t="s">
        <v>39</v>
      </c>
      <c r="D21" s="22" t="s">
        <v>15</v>
      </c>
      <c r="E21" s="23" t="s">
        <v>12</v>
      </c>
      <c r="F21" s="24" t="s">
        <v>13</v>
      </c>
      <c r="G21" s="25">
        <v>46123</v>
      </c>
      <c r="H21" s="26">
        <v>46221</v>
      </c>
      <c r="I21" s="32">
        <v>25</v>
      </c>
      <c r="J21" s="27" t="s">
        <v>14</v>
      </c>
      <c r="K21" s="28" t="s">
        <v>36</v>
      </c>
      <c r="L21" s="33" t="s">
        <v>54</v>
      </c>
      <c r="M21" s="34" t="s">
        <v>55</v>
      </c>
    </row>
    <row r="22" spans="1:13" ht="79.5" customHeight="1" x14ac:dyDescent="0.15">
      <c r="A22" s="7">
        <v>17</v>
      </c>
      <c r="B22" s="29" t="s">
        <v>16</v>
      </c>
      <c r="C22" s="22" t="s">
        <v>20</v>
      </c>
      <c r="D22" s="22" t="s">
        <v>17</v>
      </c>
      <c r="E22" s="23" t="s">
        <v>12</v>
      </c>
      <c r="F22" s="24" t="s">
        <v>13</v>
      </c>
      <c r="G22" s="25">
        <v>46127</v>
      </c>
      <c r="H22" s="26">
        <v>46246</v>
      </c>
      <c r="I22" s="32">
        <v>20</v>
      </c>
      <c r="J22" s="27" t="s">
        <v>14</v>
      </c>
      <c r="K22" s="30">
        <v>88000</v>
      </c>
      <c r="L22" s="33" t="s">
        <v>42</v>
      </c>
      <c r="M22" s="34" t="s">
        <v>43</v>
      </c>
    </row>
    <row r="23" spans="1:13" ht="90" customHeight="1" x14ac:dyDescent="0.15">
      <c r="A23" s="7">
        <v>18</v>
      </c>
      <c r="B23" s="37" t="s">
        <v>63</v>
      </c>
      <c r="C23" s="27" t="s">
        <v>64</v>
      </c>
      <c r="D23" s="36" t="s">
        <v>65</v>
      </c>
      <c r="E23" s="36" t="s">
        <v>12</v>
      </c>
      <c r="F23" s="36" t="s">
        <v>13</v>
      </c>
      <c r="G23" s="35">
        <v>46127</v>
      </c>
      <c r="H23" s="35">
        <v>46225</v>
      </c>
      <c r="I23" s="36">
        <v>15</v>
      </c>
      <c r="J23" s="36" t="s">
        <v>14</v>
      </c>
      <c r="K23" s="36">
        <v>69300</v>
      </c>
      <c r="L23" s="33" t="s">
        <v>75</v>
      </c>
      <c r="M23" s="34" t="s">
        <v>76</v>
      </c>
    </row>
    <row r="24" spans="1:13" ht="89.25" customHeight="1" x14ac:dyDescent="0.15">
      <c r="A24" s="7">
        <v>19</v>
      </c>
      <c r="B24" s="29" t="s">
        <v>16</v>
      </c>
      <c r="C24" s="29" t="s">
        <v>19</v>
      </c>
      <c r="D24" s="22" t="s">
        <v>18</v>
      </c>
      <c r="E24" s="23" t="s">
        <v>12</v>
      </c>
      <c r="F24" s="24" t="s">
        <v>13</v>
      </c>
      <c r="G24" s="25">
        <v>46130</v>
      </c>
      <c r="H24" s="26">
        <v>46235</v>
      </c>
      <c r="I24" s="32">
        <v>15</v>
      </c>
      <c r="J24" s="31" t="s">
        <v>14</v>
      </c>
      <c r="K24" s="28">
        <v>88000</v>
      </c>
      <c r="L24" s="33" t="s">
        <v>44</v>
      </c>
      <c r="M24" s="34" t="s">
        <v>45</v>
      </c>
    </row>
    <row r="25" spans="1:13" ht="95.25" customHeight="1" x14ac:dyDescent="0.15">
      <c r="A25" s="7">
        <v>20</v>
      </c>
      <c r="B25" s="37" t="s">
        <v>63</v>
      </c>
      <c r="C25" s="27" t="s">
        <v>64</v>
      </c>
      <c r="D25" s="36" t="s">
        <v>65</v>
      </c>
      <c r="E25" s="36" t="s">
        <v>12</v>
      </c>
      <c r="F25" s="36" t="s">
        <v>13</v>
      </c>
      <c r="G25" s="35">
        <v>46130</v>
      </c>
      <c r="H25" s="35">
        <v>46228</v>
      </c>
      <c r="I25" s="36">
        <v>15</v>
      </c>
      <c r="J25" s="36" t="s">
        <v>14</v>
      </c>
      <c r="K25" s="30">
        <v>69300</v>
      </c>
      <c r="L25" s="33" t="s">
        <v>75</v>
      </c>
      <c r="M25" s="34" t="s">
        <v>76</v>
      </c>
    </row>
    <row r="26" spans="1:13" ht="96.75" customHeight="1" x14ac:dyDescent="0.15">
      <c r="A26" s="7">
        <v>21</v>
      </c>
      <c r="B26" s="22" t="s">
        <v>16</v>
      </c>
      <c r="C26" s="29" t="s">
        <v>24</v>
      </c>
      <c r="D26" s="22" t="s">
        <v>23</v>
      </c>
      <c r="E26" s="23" t="s">
        <v>12</v>
      </c>
      <c r="F26" s="24" t="s">
        <v>13</v>
      </c>
      <c r="G26" s="25">
        <v>46132</v>
      </c>
      <c r="H26" s="26">
        <v>46251</v>
      </c>
      <c r="I26" s="32">
        <v>15</v>
      </c>
      <c r="J26" s="27" t="s">
        <v>14</v>
      </c>
      <c r="K26" s="30">
        <v>88000</v>
      </c>
      <c r="L26" s="33" t="s">
        <v>42</v>
      </c>
      <c r="M26" s="34" t="s">
        <v>43</v>
      </c>
    </row>
    <row r="27" spans="1:13" ht="76.5" customHeight="1" x14ac:dyDescent="0.15">
      <c r="A27" s="7">
        <v>22</v>
      </c>
      <c r="B27" s="22" t="s">
        <v>16</v>
      </c>
      <c r="C27" s="22" t="s">
        <v>30</v>
      </c>
      <c r="D27" s="22" t="s">
        <v>31</v>
      </c>
      <c r="E27" s="23" t="s">
        <v>12</v>
      </c>
      <c r="F27" s="24" t="s">
        <v>13</v>
      </c>
      <c r="G27" s="25">
        <v>46136</v>
      </c>
      <c r="H27" s="26">
        <v>46241</v>
      </c>
      <c r="I27" s="32">
        <v>20</v>
      </c>
      <c r="J27" s="27" t="s">
        <v>14</v>
      </c>
      <c r="K27" s="30">
        <v>88000</v>
      </c>
      <c r="L27" s="33" t="s">
        <v>42</v>
      </c>
      <c r="M27" s="34" t="s">
        <v>43</v>
      </c>
    </row>
    <row r="28" spans="1:13" ht="77.25" customHeight="1" x14ac:dyDescent="0.15">
      <c r="A28" s="7">
        <v>23</v>
      </c>
      <c r="B28" s="22" t="s">
        <v>33</v>
      </c>
      <c r="C28" s="29" t="s">
        <v>86</v>
      </c>
      <c r="D28" s="22" t="s">
        <v>87</v>
      </c>
      <c r="E28" s="23" t="s">
        <v>12</v>
      </c>
      <c r="F28" s="24" t="s">
        <v>13</v>
      </c>
      <c r="G28" s="25">
        <v>46155</v>
      </c>
      <c r="H28" s="26">
        <v>46197</v>
      </c>
      <c r="I28" s="32">
        <v>10</v>
      </c>
      <c r="J28" s="27" t="s">
        <v>14</v>
      </c>
      <c r="K28" s="30">
        <v>33000</v>
      </c>
      <c r="L28" s="33" t="s">
        <v>46</v>
      </c>
      <c r="M28" s="34" t="s">
        <v>47</v>
      </c>
    </row>
    <row r="29" spans="1:13" ht="89.25" customHeight="1" x14ac:dyDescent="0.15">
      <c r="A29" s="7">
        <v>24</v>
      </c>
      <c r="B29" s="38" t="s">
        <v>74</v>
      </c>
      <c r="C29" s="22" t="s">
        <v>21</v>
      </c>
      <c r="D29" s="22" t="s">
        <v>17</v>
      </c>
      <c r="E29" s="23" t="s">
        <v>12</v>
      </c>
      <c r="F29" s="24" t="s">
        <v>13</v>
      </c>
      <c r="G29" s="25">
        <v>46156</v>
      </c>
      <c r="H29" s="26">
        <v>46247</v>
      </c>
      <c r="I29" s="32">
        <v>20</v>
      </c>
      <c r="J29" s="27" t="s">
        <v>14</v>
      </c>
      <c r="K29" s="30">
        <v>59400</v>
      </c>
      <c r="L29" s="33" t="s">
        <v>50</v>
      </c>
      <c r="M29" s="34" t="s">
        <v>51</v>
      </c>
    </row>
    <row r="30" spans="1:13" ht="96.75" customHeight="1" x14ac:dyDescent="0.15">
      <c r="A30" s="7">
        <v>25</v>
      </c>
      <c r="B30" s="29" t="s">
        <v>16</v>
      </c>
      <c r="C30" s="22" t="s">
        <v>30</v>
      </c>
      <c r="D30" s="22" t="s">
        <v>31</v>
      </c>
      <c r="E30" s="23" t="s">
        <v>12</v>
      </c>
      <c r="F30" s="24" t="s">
        <v>13</v>
      </c>
      <c r="G30" s="25">
        <v>46160</v>
      </c>
      <c r="H30" s="26">
        <v>46272</v>
      </c>
      <c r="I30" s="32">
        <v>20</v>
      </c>
      <c r="J30" s="27" t="s">
        <v>14</v>
      </c>
      <c r="K30" s="30">
        <v>88000</v>
      </c>
      <c r="L30" s="33" t="s">
        <v>42</v>
      </c>
      <c r="M30" s="34" t="s">
        <v>43</v>
      </c>
    </row>
    <row r="31" spans="1:13" ht="114.75" customHeight="1" x14ac:dyDescent="0.15">
      <c r="A31" s="7">
        <v>26</v>
      </c>
      <c r="B31" s="29" t="s">
        <v>59</v>
      </c>
      <c r="C31" s="22" t="s">
        <v>60</v>
      </c>
      <c r="D31" s="22" t="s">
        <v>31</v>
      </c>
      <c r="E31" s="23" t="s">
        <v>12</v>
      </c>
      <c r="F31" s="24" t="s">
        <v>13</v>
      </c>
      <c r="G31" s="25">
        <v>46163</v>
      </c>
      <c r="H31" s="26">
        <v>46289</v>
      </c>
      <c r="I31" s="32">
        <v>20</v>
      </c>
      <c r="J31" s="31" t="s">
        <v>73</v>
      </c>
      <c r="K31" s="30">
        <v>50000</v>
      </c>
      <c r="L31" s="33" t="s">
        <v>81</v>
      </c>
      <c r="M31" s="34" t="s">
        <v>82</v>
      </c>
    </row>
    <row r="32" spans="1:13" ht="71.25" customHeight="1" x14ac:dyDescent="0.15">
      <c r="A32" s="7">
        <v>27</v>
      </c>
      <c r="B32" s="22" t="s">
        <v>16</v>
      </c>
      <c r="C32" s="22" t="s">
        <v>32</v>
      </c>
      <c r="D32" s="22" t="s">
        <v>15</v>
      </c>
      <c r="E32" s="23" t="s">
        <v>12</v>
      </c>
      <c r="F32" s="24" t="s">
        <v>13</v>
      </c>
      <c r="G32" s="25">
        <v>46163</v>
      </c>
      <c r="H32" s="26">
        <v>46219</v>
      </c>
      <c r="I32" s="32">
        <v>10</v>
      </c>
      <c r="J32" s="27" t="s">
        <v>14</v>
      </c>
      <c r="K32" s="30">
        <v>88000</v>
      </c>
      <c r="L32" s="33" t="s">
        <v>44</v>
      </c>
      <c r="M32" s="34" t="s">
        <v>45</v>
      </c>
    </row>
    <row r="33" spans="1:13" ht="82.5" customHeight="1" x14ac:dyDescent="0.15">
      <c r="A33" s="7">
        <v>28</v>
      </c>
      <c r="B33" s="22" t="s">
        <v>16</v>
      </c>
      <c r="C33" s="22" t="s">
        <v>20</v>
      </c>
      <c r="D33" s="22" t="s">
        <v>17</v>
      </c>
      <c r="E33" s="23" t="s">
        <v>12</v>
      </c>
      <c r="F33" s="24" t="s">
        <v>13</v>
      </c>
      <c r="G33" s="25">
        <v>46163</v>
      </c>
      <c r="H33" s="26">
        <v>46275</v>
      </c>
      <c r="I33" s="32">
        <v>20</v>
      </c>
      <c r="J33" s="27" t="s">
        <v>14</v>
      </c>
      <c r="K33" s="30">
        <v>88000</v>
      </c>
      <c r="L33" s="33" t="s">
        <v>42</v>
      </c>
      <c r="M33" s="34" t="s">
        <v>43</v>
      </c>
    </row>
    <row r="34" spans="1:13" ht="74.25" customHeight="1" x14ac:dyDescent="0.15">
      <c r="A34" s="7">
        <v>29</v>
      </c>
      <c r="B34" s="22" t="s">
        <v>16</v>
      </c>
      <c r="C34" s="22" t="s">
        <v>20</v>
      </c>
      <c r="D34" s="22" t="s">
        <v>17</v>
      </c>
      <c r="E34" s="23" t="s">
        <v>12</v>
      </c>
      <c r="F34" s="24" t="s">
        <v>13</v>
      </c>
      <c r="G34" s="25">
        <v>46166</v>
      </c>
      <c r="H34" s="26">
        <v>46278</v>
      </c>
      <c r="I34" s="32">
        <v>20</v>
      </c>
      <c r="J34" s="27" t="s">
        <v>14</v>
      </c>
      <c r="K34" s="30">
        <v>88000</v>
      </c>
      <c r="L34" s="33" t="s">
        <v>42</v>
      </c>
      <c r="M34" s="34" t="s">
        <v>43</v>
      </c>
    </row>
    <row r="35" spans="1:13" ht="74.25" customHeight="1" x14ac:dyDescent="0.15">
      <c r="A35" s="7">
        <v>30</v>
      </c>
      <c r="B35" s="22" t="s">
        <v>16</v>
      </c>
      <c r="C35" s="22" t="s">
        <v>19</v>
      </c>
      <c r="D35" s="22" t="s">
        <v>18</v>
      </c>
      <c r="E35" s="23" t="s">
        <v>12</v>
      </c>
      <c r="F35" s="24" t="s">
        <v>13</v>
      </c>
      <c r="G35" s="25">
        <v>46169</v>
      </c>
      <c r="H35" s="26">
        <v>46272</v>
      </c>
      <c r="I35" s="32">
        <v>15</v>
      </c>
      <c r="J35" s="27" t="s">
        <v>14</v>
      </c>
      <c r="K35" s="30">
        <v>88000</v>
      </c>
      <c r="L35" s="33" t="s">
        <v>44</v>
      </c>
      <c r="M35" s="34" t="s">
        <v>45</v>
      </c>
    </row>
    <row r="36" spans="1:13" ht="99" customHeight="1" x14ac:dyDescent="0.15">
      <c r="A36" s="7">
        <v>31</v>
      </c>
      <c r="B36" s="22" t="s">
        <v>16</v>
      </c>
      <c r="C36" s="22" t="s">
        <v>24</v>
      </c>
      <c r="D36" s="22" t="s">
        <v>23</v>
      </c>
      <c r="E36" s="23" t="s">
        <v>12</v>
      </c>
      <c r="F36" s="24" t="s">
        <v>13</v>
      </c>
      <c r="G36" s="25">
        <v>46171</v>
      </c>
      <c r="H36" s="26">
        <v>46224</v>
      </c>
      <c r="I36" s="32">
        <v>15</v>
      </c>
      <c r="J36" s="27" t="s">
        <v>14</v>
      </c>
      <c r="K36" s="30">
        <v>88000</v>
      </c>
      <c r="L36" s="33" t="s">
        <v>42</v>
      </c>
      <c r="M36" s="34" t="s">
        <v>43</v>
      </c>
    </row>
    <row r="37" spans="1:13" ht="81" customHeight="1" x14ac:dyDescent="0.15">
      <c r="A37" s="7">
        <v>32</v>
      </c>
      <c r="B37" s="22" t="s">
        <v>25</v>
      </c>
      <c r="C37" s="22" t="s">
        <v>26</v>
      </c>
      <c r="D37" s="22" t="s">
        <v>27</v>
      </c>
      <c r="E37" s="23" t="s">
        <v>12</v>
      </c>
      <c r="F37" s="24" t="s">
        <v>13</v>
      </c>
      <c r="G37" s="25">
        <v>46173</v>
      </c>
      <c r="H37" s="26">
        <v>46278</v>
      </c>
      <c r="I37" s="32">
        <v>20</v>
      </c>
      <c r="J37" s="27" t="s">
        <v>14</v>
      </c>
      <c r="K37" s="30">
        <v>29700</v>
      </c>
      <c r="L37" s="33" t="s">
        <v>48</v>
      </c>
      <c r="M37" s="34" t="s">
        <v>49</v>
      </c>
    </row>
  </sheetData>
  <autoFilter ref="A5:M37" xr:uid="{00000000-0009-0000-0000-000000000000}">
    <sortState xmlns:xlrd2="http://schemas.microsoft.com/office/spreadsheetml/2017/richdata2" ref="A6:M36">
      <sortCondition ref="F5:F31"/>
    </sortState>
  </autoFilter>
  <mergeCells count="5">
    <mergeCell ref="B1:K1"/>
    <mergeCell ref="B3:M3"/>
    <mergeCell ref="L1:M1"/>
    <mergeCell ref="K4:L4"/>
    <mergeCell ref="B4:D4"/>
  </mergeCells>
  <phoneticPr fontId="2"/>
  <pageMargins left="3.937007874015748E-2" right="0.15748031496062992" top="0.70866141732283472" bottom="0" header="0.51181102362204722" footer="0.23622047244094491"/>
  <pageSetup paperSize="9" scale="5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開講予定</vt:lpstr>
      <vt:lpstr>開講予定!Print_Area</vt:lpstr>
      <vt:lpstr>開講予定!Print_Titles</vt:lpstr>
    </vt:vector>
  </TitlesOfParts>
  <Company>広島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ホームページ掲載用　H22.3</dc:title>
  <dc:creator>広島県</dc:creator>
  <cp:lastModifiedBy>佐伯 妙子</cp:lastModifiedBy>
  <cp:lastPrinted>2026-02-17T07:11:46Z</cp:lastPrinted>
  <dcterms:created xsi:type="dcterms:W3CDTF">2004-11-27T09:46:46Z</dcterms:created>
  <dcterms:modified xsi:type="dcterms:W3CDTF">2026-03-02T00:51:05Z</dcterms:modified>
</cp:coreProperties>
</file>